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☆彡オンライン☆彡\"/>
    </mc:Choice>
  </mc:AlternateContent>
  <xr:revisionPtr revIDLastSave="0" documentId="13_ncr:1_{0158CA7D-8D79-4D8C-AF2A-B5850BDF1D93}" xr6:coauthVersionLast="47" xr6:coauthVersionMax="47" xr10:uidLastSave="{00000000-0000-0000-0000-000000000000}"/>
  <bookViews>
    <workbookView xWindow="15" yWindow="0" windowWidth="27705" windowHeight="15480" xr2:uid="{00000000-000D-0000-FFFF-FFFF00000000}"/>
  </bookViews>
  <sheets>
    <sheet name="実習助手" sheetId="23" r:id="rId1"/>
  </sheets>
  <calcPr calcId="125725"/>
</workbook>
</file>

<file path=xl/sharedStrings.xml><?xml version="1.0" encoding="utf-8"?>
<sst xmlns="http://schemas.openxmlformats.org/spreadsheetml/2006/main" count="75" uniqueCount="56">
  <si>
    <t>年度</t>
    <rPh sb="0" eb="2">
      <t>ネンド</t>
    </rPh>
    <phoneticPr fontId="1"/>
  </si>
  <si>
    <t>科目</t>
    <rPh sb="0" eb="2">
      <t>カモク</t>
    </rPh>
    <phoneticPr fontId="1"/>
  </si>
  <si>
    <t>1次</t>
    <rPh sb="1" eb="2">
      <t>ジ</t>
    </rPh>
    <phoneticPr fontId="1"/>
  </si>
  <si>
    <t>2次</t>
    <rPh sb="1" eb="2">
      <t>ジ</t>
    </rPh>
    <phoneticPr fontId="1"/>
  </si>
  <si>
    <t>面接Ⅱ　個人面接</t>
    <rPh sb="0" eb="2">
      <t>メンセツ</t>
    </rPh>
    <phoneticPr fontId="1"/>
  </si>
  <si>
    <t>筆記試験Ⅰ　一般教養</t>
    <rPh sb="0" eb="2">
      <t>ヒッキ</t>
    </rPh>
    <rPh sb="2" eb="4">
      <t>シケン</t>
    </rPh>
    <phoneticPr fontId="1"/>
  </si>
  <si>
    <t>面接Ⅰ　口頭試問【農業】</t>
    <rPh sb="0" eb="2">
      <t>メンセツ</t>
    </rPh>
    <phoneticPr fontId="1"/>
  </si>
  <si>
    <t>面接Ⅰ　口頭試問【工業機械】</t>
    <rPh sb="0" eb="2">
      <t>メンセツ</t>
    </rPh>
    <phoneticPr fontId="1"/>
  </si>
  <si>
    <t>筆記試験Ⅱ　専門試験【農業】</t>
    <rPh sb="0" eb="2">
      <t>ヒッキ</t>
    </rPh>
    <rPh sb="2" eb="4">
      <t>シケン</t>
    </rPh>
    <rPh sb="6" eb="8">
      <t>センモン</t>
    </rPh>
    <rPh sb="8" eb="10">
      <t>シケン</t>
    </rPh>
    <phoneticPr fontId="1"/>
  </si>
  <si>
    <t>筆記試験Ⅱ　専門試験【工業電気】</t>
    <rPh sb="0" eb="2">
      <t>ヒッキ</t>
    </rPh>
    <rPh sb="2" eb="4">
      <t>シケン</t>
    </rPh>
    <rPh sb="8" eb="10">
      <t>シケン</t>
    </rPh>
    <rPh sb="13" eb="15">
      <t>デンキ</t>
    </rPh>
    <phoneticPr fontId="1"/>
  </si>
  <si>
    <t>面接Ⅰ　口頭試問【工業電気】</t>
    <rPh sb="0" eb="2">
      <t>メンセツ</t>
    </rPh>
    <rPh sb="11" eb="13">
      <t>デンキ</t>
    </rPh>
    <phoneticPr fontId="1"/>
  </si>
  <si>
    <t>筆記試験Ⅱ　専門試験【工業土木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ドボク</t>
    </rPh>
    <phoneticPr fontId="1"/>
  </si>
  <si>
    <t>筆記試験Ⅱ　専門試験【工業建築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ケンチク</t>
    </rPh>
    <phoneticPr fontId="1"/>
  </si>
  <si>
    <t>面接Ⅰ　口頭試問【工業建築】</t>
    <rPh sb="0" eb="2">
      <t>メンセツ</t>
    </rPh>
    <rPh sb="11" eb="13">
      <t>ケンチク</t>
    </rPh>
    <phoneticPr fontId="1"/>
  </si>
  <si>
    <t>筆記試験Ⅱ　専門試験【工業機械】</t>
    <rPh sb="0" eb="2">
      <t>ヒッキ</t>
    </rPh>
    <rPh sb="2" eb="4">
      <t>シケン</t>
    </rPh>
    <rPh sb="8" eb="10">
      <t>シケン</t>
    </rPh>
    <rPh sb="13" eb="15">
      <t>キカイ</t>
    </rPh>
    <phoneticPr fontId="1"/>
  </si>
  <si>
    <t>面接Ⅰ　口頭試問【工業機械】</t>
    <rPh sb="0" eb="2">
      <t>メンセツ</t>
    </rPh>
    <rPh sb="11" eb="13">
      <t>キカイ</t>
    </rPh>
    <phoneticPr fontId="1"/>
  </si>
  <si>
    <t>面接Ⅰ　口頭試問【工業土木】</t>
    <rPh sb="0" eb="2">
      <t>メンセツ</t>
    </rPh>
    <phoneticPr fontId="1"/>
  </si>
  <si>
    <t>面接Ⅰ　口頭試問【農業】</t>
    <phoneticPr fontId="1"/>
  </si>
  <si>
    <t>令和4年度</t>
    <rPh sb="0" eb="2">
      <t>レイワ</t>
    </rPh>
    <rPh sb="3" eb="5">
      <t>ネンド</t>
    </rPh>
    <phoneticPr fontId="1"/>
  </si>
  <si>
    <t>筆記試験Ⅱ　専門試験【水産食品】</t>
    <rPh sb="11" eb="13">
      <t>スイサン</t>
    </rPh>
    <rPh sb="13" eb="15">
      <t>ショクヒン</t>
    </rPh>
    <phoneticPr fontId="1"/>
  </si>
  <si>
    <t>面接Ⅰ　口頭試問【水産食品】</t>
    <rPh sb="9" eb="13">
      <t>スイサンショクヒン</t>
    </rPh>
    <phoneticPr fontId="1"/>
  </si>
  <si>
    <t>１次</t>
    <rPh sb="1" eb="2">
      <t>ジ</t>
    </rPh>
    <phoneticPr fontId="1"/>
  </si>
  <si>
    <t>令和5年度</t>
    <rPh sb="0" eb="2">
      <t>レイワ</t>
    </rPh>
    <rPh sb="3" eb="5">
      <t>ネンド</t>
    </rPh>
    <phoneticPr fontId="1"/>
  </si>
  <si>
    <t>筆記試験Ⅱ　専門試験【農業畜産】</t>
    <rPh sb="11" eb="13">
      <t>ノウギョウ</t>
    </rPh>
    <rPh sb="13" eb="15">
      <t>チクサン</t>
    </rPh>
    <phoneticPr fontId="1"/>
  </si>
  <si>
    <t>筆記試験Ⅱ　専門試験【工業電気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デンキ</t>
    </rPh>
    <phoneticPr fontId="1"/>
  </si>
  <si>
    <t>筆記試験Ⅱ　専門試験【工業土木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コウギョウ</t>
    </rPh>
    <rPh sb="13" eb="15">
      <t>ドボク</t>
    </rPh>
    <phoneticPr fontId="1"/>
  </si>
  <si>
    <t>面接Ⅰ　口頭試問【工業土木】</t>
    <rPh sb="0" eb="2">
      <t>メンセツ</t>
    </rPh>
    <rPh sb="9" eb="11">
      <t>コウギョウ</t>
    </rPh>
    <rPh sb="11" eb="13">
      <t>ドボク</t>
    </rPh>
    <phoneticPr fontId="1"/>
  </si>
  <si>
    <t>面接Ⅰ　口頭試問【農業畜産】</t>
    <rPh sb="0" eb="2">
      <t>メンセツ</t>
    </rPh>
    <rPh sb="9" eb="11">
      <t>ノウギョウ</t>
    </rPh>
    <rPh sb="11" eb="13">
      <t>チクサン</t>
    </rPh>
    <phoneticPr fontId="1"/>
  </si>
  <si>
    <t>模範解答及び評価等枚数</t>
    <rPh sb="0" eb="2">
      <t>モハン</t>
    </rPh>
    <rPh sb="2" eb="4">
      <t>カイトウ</t>
    </rPh>
    <rPh sb="4" eb="5">
      <t>オヨ</t>
    </rPh>
    <rPh sb="6" eb="8">
      <t>ヒョウカ</t>
    </rPh>
    <rPh sb="8" eb="9">
      <t>トウ</t>
    </rPh>
    <rPh sb="9" eb="11">
      <t>マイスウ</t>
    </rPh>
    <phoneticPr fontId="1"/>
  </si>
  <si>
    <t>○</t>
    <phoneticPr fontId="1"/>
  </si>
  <si>
    <t>筆記試験Ⅱ　専門試験【農業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ノウギョウ</t>
    </rPh>
    <phoneticPr fontId="1"/>
  </si>
  <si>
    <t>筆記試験Ⅱ　専門試験【商業】</t>
    <rPh sb="11" eb="13">
      <t>ショウギョウ</t>
    </rPh>
    <phoneticPr fontId="1"/>
  </si>
  <si>
    <t>令和６年度</t>
    <rPh sb="0" eb="2">
      <t>レイワ</t>
    </rPh>
    <rPh sb="3" eb="5">
      <t>ネンド</t>
    </rPh>
    <phoneticPr fontId="1"/>
  </si>
  <si>
    <t>必要な科目の枚数左横の空欄に○を入れてください</t>
    <rPh sb="0" eb="2">
      <t>ヒツヨウ</t>
    </rPh>
    <rPh sb="6" eb="8">
      <t>マイスウ</t>
    </rPh>
    <rPh sb="8" eb="9">
      <t>ヒダリ</t>
    </rPh>
    <rPh sb="11" eb="13">
      <t>クウラン</t>
    </rPh>
    <phoneticPr fontId="1"/>
  </si>
  <si>
    <t>面接Ⅰ　口頭試問【商業】</t>
    <rPh sb="0" eb="2">
      <t>メンセツ</t>
    </rPh>
    <rPh sb="9" eb="11">
      <t>ショウギョウ</t>
    </rPh>
    <phoneticPr fontId="1"/>
  </si>
  <si>
    <t>令和７年度</t>
    <rPh sb="0" eb="2">
      <t>レイワ</t>
    </rPh>
    <rPh sb="3" eb="5">
      <t>ネンド</t>
    </rPh>
    <phoneticPr fontId="1"/>
  </si>
  <si>
    <t>筆記試験Ⅱ　専門試験【工業電気電子】</t>
    <rPh sb="0" eb="2">
      <t>ヒッキ</t>
    </rPh>
    <rPh sb="2" eb="4">
      <t>シケン</t>
    </rPh>
    <rPh sb="8" eb="10">
      <t>シケン</t>
    </rPh>
    <rPh sb="13" eb="17">
      <t>デンキデンシ</t>
    </rPh>
    <phoneticPr fontId="1"/>
  </si>
  <si>
    <t>筆記試験Ⅱ　専門試験【理科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リカ</t>
    </rPh>
    <phoneticPr fontId="1"/>
  </si>
  <si>
    <t>整理　番号</t>
    <rPh sb="0" eb="2">
      <t>セイリ</t>
    </rPh>
    <rPh sb="3" eb="5">
      <t>バンゴウ</t>
    </rPh>
    <phoneticPr fontId="1"/>
  </si>
  <si>
    <t>問題    枚数</t>
    <rPh sb="0" eb="2">
      <t>モンダイ</t>
    </rPh>
    <rPh sb="6" eb="8">
      <t>マイスウ</t>
    </rPh>
    <phoneticPr fontId="1"/>
  </si>
  <si>
    <t>面接Ⅰ　口頭試問【工業電気電子】</t>
    <rPh sb="0" eb="2">
      <t>メンセツ</t>
    </rPh>
    <rPh sb="11" eb="15">
      <t>デンキデンシ</t>
    </rPh>
    <phoneticPr fontId="1"/>
  </si>
  <si>
    <t>面接Ⅰ　口頭試問【工業建築】</t>
    <rPh sb="0" eb="2">
      <t>メンセツ</t>
    </rPh>
    <phoneticPr fontId="1"/>
  </si>
  <si>
    <t>面接Ⅰ　口頭試問【農業】</t>
    <rPh sb="0" eb="2">
      <t>メンセツ</t>
    </rPh>
    <rPh sb="9" eb="11">
      <t>ノウギョウ</t>
    </rPh>
    <phoneticPr fontId="1"/>
  </si>
  <si>
    <t>面接Ⅰ　口頭試問【理科】</t>
    <rPh sb="0" eb="2">
      <t>メンセツ</t>
    </rPh>
    <rPh sb="9" eb="11">
      <t>リカ</t>
    </rPh>
    <phoneticPr fontId="1"/>
  </si>
  <si>
    <t>県立学校実習助手採用選考試験</t>
    <phoneticPr fontId="1"/>
  </si>
  <si>
    <t>令和８年度</t>
    <rPh sb="0" eb="2">
      <t>レイワ</t>
    </rPh>
    <rPh sb="3" eb="5">
      <t>ネンド</t>
    </rPh>
    <phoneticPr fontId="1"/>
  </si>
  <si>
    <t>筆記試験Ⅱ　専門試験【商業】</t>
    <rPh sb="0" eb="2">
      <t>ヒッキ</t>
    </rPh>
    <rPh sb="2" eb="4">
      <t>シケン</t>
    </rPh>
    <rPh sb="8" eb="10">
      <t>シケン</t>
    </rPh>
    <rPh sb="11" eb="13">
      <t>ショウギョウ</t>
    </rPh>
    <phoneticPr fontId="1"/>
  </si>
  <si>
    <t>筆記試験Ⅱ　専門試験【水産機関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スイサン</t>
    </rPh>
    <rPh sb="13" eb="15">
      <t>キカン</t>
    </rPh>
    <phoneticPr fontId="1"/>
  </si>
  <si>
    <t>筆記試験Ⅱ　専門試験【工業機械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キカイ</t>
    </rPh>
    <phoneticPr fontId="1"/>
  </si>
  <si>
    <t>筆記試験Ⅱ　専門試験【工業電気電子】</t>
    <rPh sb="0" eb="2">
      <t>ヒッキ</t>
    </rPh>
    <rPh sb="2" eb="4">
      <t>シケン</t>
    </rPh>
    <rPh sb="8" eb="10">
      <t>シケン</t>
    </rPh>
    <rPh sb="11" eb="13">
      <t>コウギョウ</t>
    </rPh>
    <rPh sb="13" eb="17">
      <t>デンキデンシ</t>
    </rPh>
    <phoneticPr fontId="1"/>
  </si>
  <si>
    <t>面接Ⅰ　口頭試問【工業機械】</t>
    <rPh sb="0" eb="2">
      <t>メンセツ</t>
    </rPh>
    <rPh sb="4" eb="6">
      <t>コウトウ</t>
    </rPh>
    <rPh sb="6" eb="8">
      <t>シモン</t>
    </rPh>
    <rPh sb="9" eb="11">
      <t>コウギョウ</t>
    </rPh>
    <rPh sb="11" eb="13">
      <t>キカイ</t>
    </rPh>
    <phoneticPr fontId="1"/>
  </si>
  <si>
    <t>面接Ⅰ　口頭試問【工業電気電子】</t>
    <rPh sb="0" eb="2">
      <t>メンセツ</t>
    </rPh>
    <rPh sb="4" eb="6">
      <t>コウトウ</t>
    </rPh>
    <rPh sb="6" eb="8">
      <t>シモン</t>
    </rPh>
    <rPh sb="9" eb="13">
      <t>デンキデンシ</t>
    </rPh>
    <phoneticPr fontId="1"/>
  </si>
  <si>
    <t>面接Ⅰ　口頭試問【商業】</t>
    <rPh sb="0" eb="2">
      <t>メンセツ</t>
    </rPh>
    <rPh sb="4" eb="6">
      <t>コウトウ</t>
    </rPh>
    <rPh sb="6" eb="8">
      <t>シモン</t>
    </rPh>
    <rPh sb="9" eb="11">
      <t>ショウギョウ</t>
    </rPh>
    <phoneticPr fontId="1"/>
  </si>
  <si>
    <t>面接Ⅰ　口頭試問【水産機関】</t>
    <rPh sb="0" eb="2">
      <t>メンセツ</t>
    </rPh>
    <rPh sb="4" eb="6">
      <t>コウトウ</t>
    </rPh>
    <rPh sb="6" eb="8">
      <t>シモン</t>
    </rPh>
    <rPh sb="9" eb="11">
      <t>キカン</t>
    </rPh>
    <phoneticPr fontId="1"/>
  </si>
  <si>
    <t>　　　　　　　　試験問題は非公開となりました。</t>
    <phoneticPr fontId="1"/>
  </si>
  <si>
    <t>【お知らせ】令和８年度採用の試験から１次試験教養は外部試験により試験を実施することとなったため、</t>
    <rPh sb="11" eb="13">
      <t>サイヨウ</t>
    </rPh>
    <rPh sb="19" eb="22">
      <t>ジシケン</t>
    </rPh>
    <rPh sb="22" eb="24">
      <t>キョウヨウ</t>
    </rPh>
    <rPh sb="32" eb="34">
      <t>シ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96">
    <xf numFmtId="0" fontId="0" fillId="0" borderId="0" xfId="0">
      <alignment vertical="center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vertical="center" shrinkToFit="1"/>
    </xf>
    <xf numFmtId="0" fontId="3" fillId="0" borderId="0" xfId="0" applyFont="1" applyAlignment="1">
      <alignment horizontal="left"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9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3" fillId="0" borderId="20" xfId="0" applyFont="1" applyBorder="1" applyAlignment="1">
      <alignment horizontal="left" vertical="center"/>
    </xf>
    <xf numFmtId="0" fontId="3" fillId="0" borderId="19" xfId="0" applyFont="1" applyBorder="1">
      <alignment vertical="center"/>
    </xf>
    <xf numFmtId="0" fontId="3" fillId="0" borderId="20" xfId="0" applyFont="1" applyBorder="1">
      <alignment vertical="center"/>
    </xf>
    <xf numFmtId="0" fontId="3" fillId="0" borderId="21" xfId="0" applyFont="1" applyBorder="1" applyAlignment="1">
      <alignment horizontal="left" vertical="center"/>
    </xf>
    <xf numFmtId="0" fontId="3" fillId="0" borderId="22" xfId="0" applyFont="1" applyBorder="1">
      <alignment vertical="center"/>
    </xf>
    <xf numFmtId="0" fontId="3" fillId="0" borderId="21" xfId="0" applyFont="1" applyBorder="1">
      <alignment vertical="center"/>
    </xf>
    <xf numFmtId="0" fontId="3" fillId="0" borderId="17" xfId="0" applyFont="1" applyBorder="1" applyAlignment="1">
      <alignment horizontal="left" vertical="center"/>
    </xf>
    <xf numFmtId="0" fontId="3" fillId="0" borderId="10" xfId="0" applyFont="1" applyBorder="1" applyAlignment="1">
      <alignment horizontal="center" vertical="center"/>
    </xf>
    <xf numFmtId="0" fontId="3" fillId="0" borderId="3" xfId="0" applyFont="1" applyBorder="1" applyAlignment="1" applyProtection="1">
      <alignment horizontal="center" vertical="center"/>
      <protection locked="0"/>
    </xf>
    <xf numFmtId="0" fontId="0" fillId="0" borderId="6" xfId="0" applyBorder="1" applyAlignment="1">
      <alignment horizontal="center" vertical="center"/>
    </xf>
    <xf numFmtId="0" fontId="0" fillId="0" borderId="36" xfId="0" applyBorder="1">
      <alignment vertical="center"/>
    </xf>
    <xf numFmtId="0" fontId="3" fillId="0" borderId="36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 shrinkToFit="1"/>
    </xf>
    <xf numFmtId="0" fontId="3" fillId="2" borderId="11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left" vertical="center"/>
    </xf>
    <xf numFmtId="0" fontId="3" fillId="2" borderId="37" xfId="0" applyFont="1" applyFill="1" applyBorder="1" applyAlignment="1">
      <alignment horizontal="left" vertical="center"/>
    </xf>
    <xf numFmtId="0" fontId="3" fillId="2" borderId="34" xfId="0" applyFont="1" applyFill="1" applyBorder="1" applyAlignment="1">
      <alignment horizontal="left" vertical="center"/>
    </xf>
    <xf numFmtId="0" fontId="3" fillId="2" borderId="12" xfId="0" applyFont="1" applyFill="1" applyBorder="1">
      <alignment vertical="center"/>
    </xf>
    <xf numFmtId="0" fontId="3" fillId="2" borderId="33" xfId="0" applyFont="1" applyFill="1" applyBorder="1">
      <alignment vertical="center"/>
    </xf>
    <xf numFmtId="0" fontId="3" fillId="2" borderId="37" xfId="0" applyFont="1" applyFill="1" applyBorder="1">
      <alignment vertical="center"/>
    </xf>
    <xf numFmtId="0" fontId="3" fillId="2" borderId="35" xfId="0" applyFont="1" applyFill="1" applyBorder="1" applyAlignment="1">
      <alignment horizontal="left" vertical="center"/>
    </xf>
    <xf numFmtId="0" fontId="3" fillId="2" borderId="32" xfId="0" applyFont="1" applyFill="1" applyBorder="1" applyAlignment="1">
      <alignment horizontal="center" vertical="center"/>
    </xf>
    <xf numFmtId="0" fontId="3" fillId="2" borderId="33" xfId="0" applyFont="1" applyFill="1" applyBorder="1" applyAlignment="1">
      <alignment horizontal="center" vertical="center"/>
    </xf>
    <xf numFmtId="0" fontId="3" fillId="2" borderId="34" xfId="0" applyFont="1" applyFill="1" applyBorder="1" applyAlignment="1">
      <alignment horizontal="center" vertical="center"/>
    </xf>
    <xf numFmtId="0" fontId="3" fillId="2" borderId="32" xfId="0" applyFont="1" applyFill="1" applyBorder="1" applyAlignment="1">
      <alignment horizontal="left" vertical="center"/>
    </xf>
    <xf numFmtId="0" fontId="3" fillId="2" borderId="33" xfId="0" applyFont="1" applyFill="1" applyBorder="1" applyAlignment="1">
      <alignment horizontal="left" vertical="center"/>
    </xf>
    <xf numFmtId="0" fontId="3" fillId="2" borderId="35" xfId="0" applyFont="1" applyFill="1" applyBorder="1">
      <alignment vertical="center"/>
    </xf>
    <xf numFmtId="0" fontId="3" fillId="2" borderId="23" xfId="0" applyFont="1" applyFill="1" applyBorder="1" applyAlignment="1">
      <alignment horizontal="center" vertical="center"/>
    </xf>
    <xf numFmtId="0" fontId="3" fillId="2" borderId="27" xfId="0" applyFont="1" applyFill="1" applyBorder="1" applyAlignment="1">
      <alignment horizontal="center" vertical="center"/>
    </xf>
    <xf numFmtId="0" fontId="3" fillId="2" borderId="28" xfId="0" applyFont="1" applyFill="1" applyBorder="1" applyAlignment="1">
      <alignment horizontal="center" vertical="center"/>
    </xf>
    <xf numFmtId="0" fontId="3" fillId="2" borderId="30" xfId="0" applyFont="1" applyFill="1" applyBorder="1" applyAlignment="1">
      <alignment horizontal="center" vertical="center"/>
    </xf>
    <xf numFmtId="0" fontId="3" fillId="2" borderId="31" xfId="0" applyFont="1" applyFill="1" applyBorder="1" applyAlignment="1">
      <alignment horizontal="center" vertical="center"/>
    </xf>
    <xf numFmtId="0" fontId="3" fillId="2" borderId="24" xfId="0" applyFont="1" applyFill="1" applyBorder="1" applyAlignment="1">
      <alignment horizontal="center" vertical="center"/>
    </xf>
    <xf numFmtId="0" fontId="3" fillId="2" borderId="25" xfId="0" applyFont="1" applyFill="1" applyBorder="1" applyAlignment="1">
      <alignment horizontal="center" vertical="center"/>
    </xf>
    <xf numFmtId="0" fontId="3" fillId="2" borderId="26" xfId="0" applyFont="1" applyFill="1" applyBorder="1" applyAlignment="1">
      <alignment horizontal="center" vertical="center"/>
    </xf>
    <xf numFmtId="0" fontId="3" fillId="2" borderId="24" xfId="0" applyFont="1" applyFill="1" applyBorder="1" applyAlignment="1" applyProtection="1">
      <alignment horizontal="center" vertical="center"/>
      <protection locked="0"/>
    </xf>
    <xf numFmtId="0" fontId="0" fillId="2" borderId="26" xfId="0" applyFill="1" applyBorder="1">
      <alignment vertical="center"/>
    </xf>
    <xf numFmtId="0" fontId="3" fillId="2" borderId="29" xfId="0" applyFont="1" applyFill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3" fillId="0" borderId="37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21" xfId="0" applyFont="1" applyBorder="1" applyAlignment="1">
      <alignment horizontal="left" vertical="center" shrinkToFit="1"/>
    </xf>
    <xf numFmtId="0" fontId="3" fillId="0" borderId="39" xfId="0" applyFont="1" applyBorder="1">
      <alignment vertical="center"/>
    </xf>
    <xf numFmtId="0" fontId="3" fillId="0" borderId="38" xfId="0" applyFont="1" applyBorder="1" applyAlignment="1">
      <alignment horizontal="center" vertical="center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38" xfId="0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2" borderId="11" xfId="0" applyFill="1" applyBorder="1" applyAlignment="1">
      <alignment horizontal="center" vertical="center"/>
    </xf>
    <xf numFmtId="0" fontId="0" fillId="2" borderId="12" xfId="0" applyFill="1" applyBorder="1" applyAlignment="1">
      <alignment horizontal="center" vertical="center"/>
    </xf>
    <xf numFmtId="0" fontId="0" fillId="2" borderId="38" xfId="0" applyFill="1" applyBorder="1" applyAlignment="1">
      <alignment horizontal="center" vertical="center"/>
    </xf>
    <xf numFmtId="0" fontId="3" fillId="0" borderId="15" xfId="0" applyFont="1" applyBorder="1" applyAlignment="1">
      <alignment horizontal="center" vertical="center" wrapText="1"/>
    </xf>
    <xf numFmtId="0" fontId="3" fillId="0" borderId="4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55"/>
  <sheetViews>
    <sheetView tabSelected="1" workbookViewId="0">
      <selection activeCell="L10" sqref="L10"/>
    </sheetView>
  </sheetViews>
  <sheetFormatPr defaultRowHeight="15.95" customHeight="1" x14ac:dyDescent="0.15"/>
  <cols>
    <col min="1" max="1" width="11" bestFit="1" customWidth="1"/>
    <col min="2" max="2" width="4.875" bestFit="1" customWidth="1"/>
    <col min="3" max="3" width="35.125" bestFit="1" customWidth="1"/>
    <col min="4" max="4" width="3.625" customWidth="1"/>
    <col min="5" max="5" width="3.25" customWidth="1"/>
    <col min="6" max="6" width="3.5" bestFit="1" customWidth="1"/>
    <col min="7" max="7" width="8.25" customWidth="1"/>
    <col min="8" max="8" width="3.5" bestFit="1" customWidth="1"/>
    <col min="9" max="10" width="15" customWidth="1"/>
    <col min="11" max="12" width="16.375" bestFit="1" customWidth="1"/>
    <col min="13" max="13" width="16.375" customWidth="1"/>
    <col min="14" max="14" width="16.25" customWidth="1"/>
    <col min="16" max="16" width="15.875" customWidth="1"/>
  </cols>
  <sheetData>
    <row r="1" spans="1:16" ht="25.5" customHeight="1" x14ac:dyDescent="0.15">
      <c r="A1" s="84" t="s">
        <v>44</v>
      </c>
      <c r="B1" s="84"/>
      <c r="C1" s="84"/>
      <c r="D1" s="84"/>
      <c r="E1" s="84"/>
      <c r="F1" s="84"/>
      <c r="G1" s="84"/>
      <c r="H1" s="84"/>
      <c r="I1" s="84"/>
      <c r="J1" s="2"/>
      <c r="K1" s="2"/>
      <c r="L1" s="2"/>
      <c r="M1" s="2"/>
      <c r="N1" s="1"/>
      <c r="O1" s="1"/>
      <c r="P1" s="1"/>
    </row>
    <row r="2" spans="1:16" ht="15.95" customHeight="1" x14ac:dyDescent="0.15">
      <c r="A2" s="85" t="s">
        <v>33</v>
      </c>
      <c r="B2" s="85"/>
      <c r="C2" s="85"/>
      <c r="D2" s="85"/>
      <c r="E2" s="85"/>
      <c r="F2" s="85"/>
      <c r="G2" s="85"/>
      <c r="H2" s="85"/>
      <c r="I2" s="85"/>
      <c r="J2" s="2"/>
      <c r="K2" s="2"/>
      <c r="L2" s="2"/>
      <c r="M2" s="2"/>
      <c r="N2" s="1"/>
      <c r="O2" s="1"/>
      <c r="P2" s="1"/>
    </row>
    <row r="3" spans="1:16" ht="15.95" customHeight="1" x14ac:dyDescent="0.15">
      <c r="A3" s="69" t="s">
        <v>55</v>
      </c>
      <c r="B3" s="6"/>
      <c r="C3" s="3"/>
      <c r="D3" s="70"/>
      <c r="E3" s="70"/>
      <c r="F3" s="70"/>
      <c r="G3" s="70"/>
      <c r="H3" s="70"/>
      <c r="I3" s="70"/>
      <c r="J3" s="2"/>
      <c r="K3" s="2"/>
      <c r="L3" s="2"/>
      <c r="M3" s="2"/>
      <c r="N3" s="1"/>
      <c r="O3" s="1"/>
      <c r="P3" s="1"/>
    </row>
    <row r="4" spans="1:16" ht="15.95" customHeight="1" thickBot="1" x14ac:dyDescent="0.2">
      <c r="A4" s="69" t="s">
        <v>54</v>
      </c>
      <c r="D4" s="70"/>
      <c r="E4" s="70"/>
      <c r="F4" s="70"/>
      <c r="G4" s="70"/>
      <c r="H4" s="70"/>
      <c r="I4" s="70"/>
      <c r="J4" s="2"/>
      <c r="K4" s="2"/>
      <c r="L4" s="2"/>
      <c r="M4" s="2"/>
      <c r="N4" s="1"/>
      <c r="O4" s="1"/>
      <c r="P4" s="1"/>
    </row>
    <row r="5" spans="1:16" s="4" customFormat="1" ht="32.25" customHeight="1" thickBot="1" x14ac:dyDescent="0.2">
      <c r="A5" s="86" t="s">
        <v>0</v>
      </c>
      <c r="B5" s="87"/>
      <c r="C5" s="15" t="s">
        <v>1</v>
      </c>
      <c r="D5" s="94" t="s">
        <v>38</v>
      </c>
      <c r="E5" s="95"/>
      <c r="F5" s="38" t="s">
        <v>29</v>
      </c>
      <c r="G5" s="63" t="s">
        <v>39</v>
      </c>
      <c r="H5" s="52" t="s">
        <v>29</v>
      </c>
      <c r="I5" s="37" t="s">
        <v>28</v>
      </c>
      <c r="J5" s="5"/>
      <c r="K5" s="5"/>
      <c r="L5" s="5"/>
    </row>
    <row r="6" spans="1:16" s="4" customFormat="1" ht="15.95" customHeight="1" x14ac:dyDescent="0.15">
      <c r="A6" s="77" t="s">
        <v>45</v>
      </c>
      <c r="B6" s="71" t="s">
        <v>2</v>
      </c>
      <c r="C6" s="16" t="s">
        <v>48</v>
      </c>
      <c r="D6" s="33">
        <v>1</v>
      </c>
      <c r="E6" s="7">
        <v>2</v>
      </c>
      <c r="F6" s="49"/>
      <c r="G6" s="7">
        <v>19</v>
      </c>
      <c r="H6" s="57"/>
      <c r="I6" s="7">
        <v>1</v>
      </c>
      <c r="J6" s="5"/>
      <c r="K6" s="5"/>
      <c r="L6" s="5"/>
    </row>
    <row r="7" spans="1:16" s="4" customFormat="1" ht="15.95" customHeight="1" x14ac:dyDescent="0.15">
      <c r="A7" s="78"/>
      <c r="B7" s="72"/>
      <c r="C7" s="66" t="s">
        <v>49</v>
      </c>
      <c r="D7" s="64">
        <v>3</v>
      </c>
      <c r="E7" s="10">
        <v>4</v>
      </c>
      <c r="F7" s="40"/>
      <c r="G7" s="10">
        <v>14</v>
      </c>
      <c r="H7" s="62"/>
      <c r="I7" s="10">
        <v>1</v>
      </c>
      <c r="J7" s="5"/>
      <c r="K7" s="5"/>
      <c r="L7" s="5"/>
    </row>
    <row r="8" spans="1:16" s="4" customFormat="1" ht="15.95" customHeight="1" x14ac:dyDescent="0.15">
      <c r="A8" s="78"/>
      <c r="B8" s="72"/>
      <c r="C8" s="21" t="s">
        <v>46</v>
      </c>
      <c r="D8" s="64">
        <v>5</v>
      </c>
      <c r="E8" s="10">
        <v>6</v>
      </c>
      <c r="F8" s="40"/>
      <c r="G8" s="10">
        <v>28</v>
      </c>
      <c r="H8" s="62"/>
      <c r="I8" s="10">
        <v>1</v>
      </c>
      <c r="J8" s="5"/>
      <c r="K8" s="5"/>
      <c r="L8" s="5"/>
    </row>
    <row r="9" spans="1:16" s="4" customFormat="1" ht="15.95" customHeight="1" thickBot="1" x14ac:dyDescent="0.2">
      <c r="A9" s="78"/>
      <c r="B9" s="73"/>
      <c r="C9" s="18" t="s">
        <v>47</v>
      </c>
      <c r="D9" s="35">
        <v>7</v>
      </c>
      <c r="E9" s="11">
        <v>8</v>
      </c>
      <c r="F9" s="41"/>
      <c r="G9" s="11">
        <v>15</v>
      </c>
      <c r="H9" s="59"/>
      <c r="I9" s="11">
        <v>1</v>
      </c>
      <c r="J9" s="5"/>
      <c r="K9" s="5"/>
      <c r="L9" s="5"/>
    </row>
    <row r="10" spans="1:16" s="4" customFormat="1" ht="15.95" customHeight="1" x14ac:dyDescent="0.15">
      <c r="A10" s="78"/>
      <c r="B10" s="80" t="s">
        <v>3</v>
      </c>
      <c r="C10" s="16" t="s">
        <v>50</v>
      </c>
      <c r="D10" s="36">
        <v>9</v>
      </c>
      <c r="E10" s="74">
        <v>13</v>
      </c>
      <c r="F10" s="42"/>
      <c r="G10" s="32">
        <v>1</v>
      </c>
      <c r="H10" s="81"/>
      <c r="I10" s="74">
        <v>2</v>
      </c>
      <c r="J10" s="5"/>
      <c r="K10" s="5"/>
      <c r="L10" s="5"/>
    </row>
    <row r="11" spans="1:16" s="4" customFormat="1" ht="15.95" customHeight="1" x14ac:dyDescent="0.15">
      <c r="A11" s="78"/>
      <c r="B11" s="72"/>
      <c r="C11" s="21" t="s">
        <v>51</v>
      </c>
      <c r="D11" s="64">
        <v>10</v>
      </c>
      <c r="E11" s="75"/>
      <c r="F11" s="44"/>
      <c r="G11" s="9">
        <v>1</v>
      </c>
      <c r="H11" s="82"/>
      <c r="I11" s="75"/>
      <c r="J11" s="5"/>
      <c r="K11" s="5"/>
      <c r="L11" s="5"/>
    </row>
    <row r="12" spans="1:16" s="4" customFormat="1" ht="15.95" customHeight="1" x14ac:dyDescent="0.15">
      <c r="A12" s="78"/>
      <c r="B12" s="72"/>
      <c r="C12" s="21" t="s">
        <v>52</v>
      </c>
      <c r="D12" s="64">
        <v>11</v>
      </c>
      <c r="E12" s="75"/>
      <c r="F12" s="44"/>
      <c r="G12" s="10">
        <v>1</v>
      </c>
      <c r="H12" s="82"/>
      <c r="I12" s="75"/>
      <c r="J12" s="5"/>
      <c r="K12" s="5"/>
      <c r="L12" s="5"/>
    </row>
    <row r="13" spans="1:16" s="4" customFormat="1" ht="15.95" customHeight="1" x14ac:dyDescent="0.15">
      <c r="A13" s="78"/>
      <c r="B13" s="72"/>
      <c r="C13" s="21" t="s">
        <v>53</v>
      </c>
      <c r="D13" s="64">
        <v>12</v>
      </c>
      <c r="E13" s="75"/>
      <c r="F13" s="44"/>
      <c r="G13" s="10">
        <v>1</v>
      </c>
      <c r="H13" s="82"/>
      <c r="I13" s="75"/>
      <c r="J13" s="5"/>
      <c r="K13" s="5"/>
      <c r="L13" s="5"/>
    </row>
    <row r="14" spans="1:16" s="4" customFormat="1" ht="15.95" customHeight="1" thickBot="1" x14ac:dyDescent="0.2">
      <c r="A14" s="79"/>
      <c r="B14" s="73"/>
      <c r="C14" s="18" t="s">
        <v>4</v>
      </c>
      <c r="D14" s="65"/>
      <c r="E14" s="11">
        <v>14</v>
      </c>
      <c r="F14" s="45"/>
      <c r="G14" s="29"/>
      <c r="H14" s="48"/>
      <c r="I14" s="11">
        <v>2</v>
      </c>
      <c r="J14" s="5"/>
    </row>
    <row r="15" spans="1:16" s="4" customFormat="1" ht="15.95" customHeight="1" x14ac:dyDescent="0.15">
      <c r="A15" s="77" t="s">
        <v>35</v>
      </c>
      <c r="B15" s="71" t="s">
        <v>2</v>
      </c>
      <c r="C15" s="24" t="s">
        <v>5</v>
      </c>
      <c r="D15" s="30">
        <v>1</v>
      </c>
      <c r="E15" s="25">
        <v>2</v>
      </c>
      <c r="F15" s="39"/>
      <c r="G15" s="7">
        <v>14</v>
      </c>
      <c r="H15" s="53"/>
      <c r="I15" s="7">
        <v>1</v>
      </c>
      <c r="J15" s="5"/>
    </row>
    <row r="16" spans="1:16" s="4" customFormat="1" ht="15.95" customHeight="1" x14ac:dyDescent="0.15">
      <c r="A16" s="78"/>
      <c r="B16" s="72"/>
      <c r="C16" s="66" t="s">
        <v>36</v>
      </c>
      <c r="D16" s="64">
        <v>3</v>
      </c>
      <c r="E16" s="10">
        <v>4</v>
      </c>
      <c r="F16" s="40"/>
      <c r="G16" s="9">
        <v>12</v>
      </c>
      <c r="H16" s="54"/>
      <c r="I16" s="9">
        <v>1</v>
      </c>
      <c r="J16" s="5"/>
    </row>
    <row r="17" spans="1:12" s="4" customFormat="1" ht="15.95" customHeight="1" x14ac:dyDescent="0.15">
      <c r="A17" s="78"/>
      <c r="B17" s="72"/>
      <c r="C17" s="21" t="s">
        <v>12</v>
      </c>
      <c r="D17" s="64">
        <v>5</v>
      </c>
      <c r="E17" s="10">
        <v>6</v>
      </c>
      <c r="F17" s="40"/>
      <c r="G17" s="9">
        <v>18</v>
      </c>
      <c r="H17" s="54"/>
      <c r="I17" s="9">
        <v>1</v>
      </c>
      <c r="J17" s="5"/>
    </row>
    <row r="18" spans="1:12" s="4" customFormat="1" ht="15.95" customHeight="1" x14ac:dyDescent="0.15">
      <c r="A18" s="78"/>
      <c r="B18" s="72"/>
      <c r="C18" s="21" t="s">
        <v>8</v>
      </c>
      <c r="D18" s="64">
        <v>7</v>
      </c>
      <c r="E18" s="10">
        <v>8</v>
      </c>
      <c r="F18" s="40"/>
      <c r="G18" s="10">
        <v>20</v>
      </c>
      <c r="H18" s="55"/>
      <c r="I18" s="10">
        <v>1</v>
      </c>
      <c r="J18" s="5"/>
    </row>
    <row r="19" spans="1:12" s="4" customFormat="1" ht="15.95" customHeight="1" thickBot="1" x14ac:dyDescent="0.2">
      <c r="A19" s="78"/>
      <c r="B19" s="73"/>
      <c r="C19" s="21" t="s">
        <v>37</v>
      </c>
      <c r="D19" s="64">
        <v>9</v>
      </c>
      <c r="E19" s="10">
        <v>10</v>
      </c>
      <c r="F19" s="40"/>
      <c r="G19" s="10">
        <v>16</v>
      </c>
      <c r="H19" s="55"/>
      <c r="I19" s="10">
        <v>1</v>
      </c>
      <c r="J19" s="5"/>
      <c r="K19" s="5"/>
      <c r="L19" s="5"/>
    </row>
    <row r="20" spans="1:12" s="4" customFormat="1" ht="15.95" customHeight="1" x14ac:dyDescent="0.15">
      <c r="A20" s="78"/>
      <c r="B20" s="31"/>
      <c r="C20" s="16" t="s">
        <v>40</v>
      </c>
      <c r="D20" s="33">
        <v>11</v>
      </c>
      <c r="E20" s="74">
        <v>15</v>
      </c>
      <c r="F20" s="49"/>
      <c r="G20" s="7">
        <v>1</v>
      </c>
      <c r="H20" s="38"/>
      <c r="I20" s="74">
        <v>2</v>
      </c>
      <c r="J20" s="5"/>
      <c r="K20" s="5"/>
      <c r="L20" s="5"/>
    </row>
    <row r="21" spans="1:12" s="4" customFormat="1" ht="15.95" customHeight="1" x14ac:dyDescent="0.15">
      <c r="A21" s="78"/>
      <c r="B21" s="72" t="s">
        <v>3</v>
      </c>
      <c r="C21" s="67" t="s">
        <v>41</v>
      </c>
      <c r="D21" s="68">
        <v>12</v>
      </c>
      <c r="E21" s="75"/>
      <c r="F21" s="42"/>
      <c r="G21" s="32">
        <v>1</v>
      </c>
      <c r="H21" s="82"/>
      <c r="I21" s="75"/>
      <c r="J21" s="5"/>
      <c r="K21" s="5"/>
      <c r="L21" s="5"/>
    </row>
    <row r="22" spans="1:12" s="4" customFormat="1" ht="15.95" customHeight="1" x14ac:dyDescent="0.15">
      <c r="A22" s="78"/>
      <c r="B22" s="72"/>
      <c r="C22" s="19" t="s">
        <v>42</v>
      </c>
      <c r="D22" s="34">
        <v>13</v>
      </c>
      <c r="E22" s="75"/>
      <c r="F22" s="43"/>
      <c r="G22" s="32">
        <v>1</v>
      </c>
      <c r="H22" s="82"/>
      <c r="I22" s="75"/>
      <c r="J22" s="5"/>
      <c r="K22" s="5"/>
      <c r="L22" s="5"/>
    </row>
    <row r="23" spans="1:12" s="4" customFormat="1" ht="15.95" customHeight="1" x14ac:dyDescent="0.15">
      <c r="A23" s="78"/>
      <c r="B23" s="72"/>
      <c r="C23" s="23" t="s">
        <v>43</v>
      </c>
      <c r="D23" s="64">
        <v>14</v>
      </c>
      <c r="E23" s="76"/>
      <c r="F23" s="44"/>
      <c r="G23" s="9">
        <v>1</v>
      </c>
      <c r="H23" s="83"/>
      <c r="I23" s="76"/>
      <c r="J23" s="5"/>
      <c r="K23" s="5"/>
      <c r="L23" s="5"/>
    </row>
    <row r="24" spans="1:12" s="4" customFormat="1" ht="15.95" customHeight="1" thickBot="1" x14ac:dyDescent="0.2">
      <c r="A24" s="79"/>
      <c r="B24" s="73"/>
      <c r="C24" s="18" t="s">
        <v>4</v>
      </c>
      <c r="D24" s="65"/>
      <c r="E24" s="11">
        <v>16</v>
      </c>
      <c r="F24" s="45"/>
      <c r="G24" s="29"/>
      <c r="H24" s="48"/>
      <c r="I24" s="11">
        <v>2</v>
      </c>
      <c r="J24" s="5"/>
      <c r="K24" s="5"/>
      <c r="L24" s="5"/>
    </row>
    <row r="25" spans="1:12" s="4" customFormat="1" ht="15.95" customHeight="1" x14ac:dyDescent="0.15">
      <c r="A25" s="77" t="s">
        <v>32</v>
      </c>
      <c r="B25" s="71" t="s">
        <v>21</v>
      </c>
      <c r="C25" s="16" t="s">
        <v>5</v>
      </c>
      <c r="D25" s="33">
        <v>1</v>
      </c>
      <c r="E25" s="7">
        <v>2</v>
      </c>
      <c r="F25" s="46"/>
      <c r="G25" s="7">
        <v>14</v>
      </c>
      <c r="H25" s="57"/>
      <c r="I25" s="12">
        <v>1</v>
      </c>
      <c r="J25" s="5"/>
      <c r="K25" s="5"/>
      <c r="L25" s="5"/>
    </row>
    <row r="26" spans="1:12" s="4" customFormat="1" ht="15.95" customHeight="1" x14ac:dyDescent="0.15">
      <c r="A26" s="78"/>
      <c r="B26" s="72"/>
      <c r="C26" s="17" t="s">
        <v>14</v>
      </c>
      <c r="D26" s="34">
        <v>3</v>
      </c>
      <c r="E26" s="9">
        <v>4</v>
      </c>
      <c r="F26" s="47"/>
      <c r="G26" s="9">
        <v>19</v>
      </c>
      <c r="H26" s="58"/>
      <c r="I26" s="13">
        <v>1</v>
      </c>
      <c r="J26" s="5"/>
      <c r="K26" s="5"/>
      <c r="L26" s="5"/>
    </row>
    <row r="27" spans="1:12" s="4" customFormat="1" ht="15.95" customHeight="1" x14ac:dyDescent="0.15">
      <c r="A27" s="78"/>
      <c r="B27" s="72"/>
      <c r="C27" s="17" t="s">
        <v>12</v>
      </c>
      <c r="D27" s="34">
        <v>5</v>
      </c>
      <c r="E27" s="9">
        <v>6</v>
      </c>
      <c r="F27" s="47"/>
      <c r="G27" s="9">
        <v>17</v>
      </c>
      <c r="H27" s="58"/>
      <c r="I27" s="13">
        <v>1</v>
      </c>
      <c r="J27" s="5"/>
      <c r="K27" s="5"/>
      <c r="L27" s="5"/>
    </row>
    <row r="28" spans="1:12" s="4" customFormat="1" ht="15.95" customHeight="1" x14ac:dyDescent="0.15">
      <c r="A28" s="78"/>
      <c r="B28" s="72"/>
      <c r="C28" s="17" t="s">
        <v>30</v>
      </c>
      <c r="D28" s="34">
        <v>7</v>
      </c>
      <c r="E28" s="9">
        <v>8</v>
      </c>
      <c r="F28" s="47"/>
      <c r="G28" s="9">
        <v>16</v>
      </c>
      <c r="H28" s="58"/>
      <c r="I28" s="13">
        <v>1</v>
      </c>
      <c r="J28" s="5"/>
      <c r="K28" s="5"/>
      <c r="L28" s="5"/>
    </row>
    <row r="29" spans="1:12" s="4" customFormat="1" ht="15.95" customHeight="1" thickBot="1" x14ac:dyDescent="0.2">
      <c r="A29" s="78"/>
      <c r="B29" s="73"/>
      <c r="C29" s="18" t="s">
        <v>31</v>
      </c>
      <c r="D29" s="35">
        <v>9</v>
      </c>
      <c r="E29" s="11">
        <v>10</v>
      </c>
      <c r="F29" s="48"/>
      <c r="G29" s="11">
        <v>26</v>
      </c>
      <c r="H29" s="59"/>
      <c r="I29" s="14">
        <v>1</v>
      </c>
      <c r="J29" s="5"/>
      <c r="K29" s="5"/>
      <c r="L29" s="5"/>
    </row>
    <row r="30" spans="1:12" s="4" customFormat="1" ht="15.95" customHeight="1" x14ac:dyDescent="0.15">
      <c r="A30" s="78"/>
      <c r="B30" s="72" t="s">
        <v>3</v>
      </c>
      <c r="C30" s="22" t="s">
        <v>7</v>
      </c>
      <c r="D30" s="36">
        <v>11</v>
      </c>
      <c r="E30" s="74">
        <v>15</v>
      </c>
      <c r="F30" s="42"/>
      <c r="G30" s="32">
        <v>1</v>
      </c>
      <c r="H30" s="81"/>
      <c r="I30" s="74">
        <v>2</v>
      </c>
      <c r="J30" s="5"/>
      <c r="K30" s="5"/>
      <c r="L30" s="5"/>
    </row>
    <row r="31" spans="1:12" s="4" customFormat="1" ht="15.95" customHeight="1" x14ac:dyDescent="0.15">
      <c r="A31" s="78"/>
      <c r="B31" s="72"/>
      <c r="C31" s="23" t="s">
        <v>13</v>
      </c>
      <c r="D31" s="64">
        <v>12</v>
      </c>
      <c r="E31" s="75"/>
      <c r="F31" s="44"/>
      <c r="G31" s="9">
        <v>1</v>
      </c>
      <c r="H31" s="82"/>
      <c r="I31" s="75"/>
      <c r="J31" s="5"/>
      <c r="K31" s="5"/>
      <c r="L31" s="5"/>
    </row>
    <row r="32" spans="1:12" s="4" customFormat="1" ht="15.95" customHeight="1" x14ac:dyDescent="0.15">
      <c r="A32" s="78"/>
      <c r="B32" s="72"/>
      <c r="C32" s="23" t="s">
        <v>6</v>
      </c>
      <c r="D32" s="64">
        <v>13</v>
      </c>
      <c r="E32" s="75"/>
      <c r="F32" s="44"/>
      <c r="G32" s="10">
        <v>1</v>
      </c>
      <c r="H32" s="82"/>
      <c r="I32" s="75"/>
      <c r="J32" s="5"/>
      <c r="K32" s="5"/>
      <c r="L32" s="5"/>
    </row>
    <row r="33" spans="1:12" s="4" customFormat="1" ht="15.95" customHeight="1" x14ac:dyDescent="0.15">
      <c r="A33" s="78"/>
      <c r="B33" s="72"/>
      <c r="C33" s="23" t="s">
        <v>34</v>
      </c>
      <c r="D33" s="64">
        <v>14</v>
      </c>
      <c r="E33" s="76"/>
      <c r="F33" s="44"/>
      <c r="G33" s="10">
        <v>1</v>
      </c>
      <c r="H33" s="83"/>
      <c r="I33" s="76"/>
      <c r="J33" s="5"/>
      <c r="K33" s="5"/>
      <c r="L33" s="5"/>
    </row>
    <row r="34" spans="1:12" s="4" customFormat="1" ht="15.95" customHeight="1" thickBot="1" x14ac:dyDescent="0.2">
      <c r="A34" s="79"/>
      <c r="B34" s="73"/>
      <c r="C34" s="18" t="s">
        <v>4</v>
      </c>
      <c r="D34" s="65"/>
      <c r="E34" s="11">
        <v>16</v>
      </c>
      <c r="F34" s="45"/>
      <c r="G34" s="29"/>
      <c r="H34" s="56"/>
      <c r="I34" s="11">
        <v>2</v>
      </c>
      <c r="J34" s="5"/>
      <c r="K34" s="5"/>
      <c r="L34" s="5"/>
    </row>
    <row r="35" spans="1:12" s="4" customFormat="1" ht="15.95" customHeight="1" x14ac:dyDescent="0.15">
      <c r="A35" s="77" t="s">
        <v>22</v>
      </c>
      <c r="B35" s="71" t="s">
        <v>21</v>
      </c>
      <c r="C35" s="16" t="s">
        <v>5</v>
      </c>
      <c r="D35" s="33">
        <v>1</v>
      </c>
      <c r="E35" s="7">
        <v>2</v>
      </c>
      <c r="F35" s="49"/>
      <c r="G35" s="26">
        <v>14</v>
      </c>
      <c r="H35" s="60"/>
      <c r="I35" s="12">
        <v>1</v>
      </c>
      <c r="J35" s="5"/>
      <c r="K35" s="5"/>
      <c r="L35" s="5"/>
    </row>
    <row r="36" spans="1:12" s="4" customFormat="1" ht="15.95" customHeight="1" x14ac:dyDescent="0.15">
      <c r="A36" s="78"/>
      <c r="B36" s="72"/>
      <c r="C36" s="17" t="s">
        <v>14</v>
      </c>
      <c r="D36" s="34">
        <v>3</v>
      </c>
      <c r="E36" s="9">
        <v>4</v>
      </c>
      <c r="F36" s="50"/>
      <c r="G36" s="9">
        <v>18</v>
      </c>
      <c r="H36" s="58"/>
      <c r="I36" s="13">
        <v>1</v>
      </c>
      <c r="J36" s="5"/>
      <c r="K36" s="5"/>
      <c r="L36" s="5"/>
    </row>
    <row r="37" spans="1:12" s="4" customFormat="1" ht="15.95" customHeight="1" x14ac:dyDescent="0.15">
      <c r="A37" s="78"/>
      <c r="B37" s="72"/>
      <c r="C37" s="17" t="s">
        <v>24</v>
      </c>
      <c r="D37" s="34">
        <v>5</v>
      </c>
      <c r="E37" s="9">
        <v>6</v>
      </c>
      <c r="F37" s="50"/>
      <c r="G37" s="9">
        <v>12</v>
      </c>
      <c r="H37" s="58"/>
      <c r="I37" s="13">
        <v>1</v>
      </c>
      <c r="J37" s="5"/>
      <c r="K37" s="5"/>
      <c r="L37" s="5"/>
    </row>
    <row r="38" spans="1:12" s="4" customFormat="1" ht="15.95" customHeight="1" x14ac:dyDescent="0.15">
      <c r="A38" s="78"/>
      <c r="B38" s="72"/>
      <c r="C38" s="17" t="s">
        <v>25</v>
      </c>
      <c r="D38" s="34">
        <v>7</v>
      </c>
      <c r="E38" s="9">
        <v>8</v>
      </c>
      <c r="F38" s="50"/>
      <c r="G38" s="9">
        <v>10</v>
      </c>
      <c r="H38" s="58"/>
      <c r="I38" s="13">
        <v>1</v>
      </c>
      <c r="J38" s="5"/>
      <c r="K38" s="5"/>
      <c r="L38" s="5"/>
    </row>
    <row r="39" spans="1:12" s="4" customFormat="1" ht="15.95" customHeight="1" thickBot="1" x14ac:dyDescent="0.2">
      <c r="A39" s="78"/>
      <c r="B39" s="73"/>
      <c r="C39" s="18" t="s">
        <v>23</v>
      </c>
      <c r="D39" s="35">
        <v>9</v>
      </c>
      <c r="E39" s="11">
        <v>10</v>
      </c>
      <c r="F39" s="41"/>
      <c r="G39" s="11">
        <v>16</v>
      </c>
      <c r="H39" s="59"/>
      <c r="I39" s="14">
        <v>1</v>
      </c>
      <c r="J39" s="5"/>
      <c r="K39" s="5"/>
      <c r="L39" s="5"/>
    </row>
    <row r="40" spans="1:12" s="4" customFormat="1" ht="15.95" customHeight="1" x14ac:dyDescent="0.15">
      <c r="A40" s="78"/>
      <c r="B40" s="80" t="s">
        <v>3</v>
      </c>
      <c r="C40" s="19" t="s">
        <v>15</v>
      </c>
      <c r="D40" s="34">
        <v>11</v>
      </c>
      <c r="E40" s="74">
        <v>15</v>
      </c>
      <c r="F40" s="43"/>
      <c r="G40" s="27">
        <v>1</v>
      </c>
      <c r="H40" s="91"/>
      <c r="I40" s="88">
        <v>2</v>
      </c>
      <c r="J40" s="5"/>
      <c r="K40" s="5"/>
      <c r="L40" s="5"/>
    </row>
    <row r="41" spans="1:12" s="4" customFormat="1" ht="15.95" customHeight="1" x14ac:dyDescent="0.15">
      <c r="A41" s="78"/>
      <c r="B41" s="72"/>
      <c r="C41" s="19" t="s">
        <v>10</v>
      </c>
      <c r="D41" s="34">
        <v>12</v>
      </c>
      <c r="E41" s="75"/>
      <c r="F41" s="43"/>
      <c r="G41" s="27">
        <v>1</v>
      </c>
      <c r="H41" s="92"/>
      <c r="I41" s="89"/>
      <c r="J41" s="5"/>
      <c r="K41" s="5"/>
      <c r="L41" s="5"/>
    </row>
    <row r="42" spans="1:12" ht="15.95" customHeight="1" x14ac:dyDescent="0.15">
      <c r="A42" s="78"/>
      <c r="B42" s="72"/>
      <c r="C42" s="19" t="s">
        <v>26</v>
      </c>
      <c r="D42" s="34">
        <v>13</v>
      </c>
      <c r="E42" s="75"/>
      <c r="F42" s="43"/>
      <c r="G42" s="27">
        <v>1</v>
      </c>
      <c r="H42" s="92"/>
      <c r="I42" s="89"/>
    </row>
    <row r="43" spans="1:12" ht="15.95" customHeight="1" x14ac:dyDescent="0.15">
      <c r="A43" s="78"/>
      <c r="B43" s="72"/>
      <c r="C43" s="19" t="s">
        <v>27</v>
      </c>
      <c r="D43" s="34">
        <v>14</v>
      </c>
      <c r="E43" s="76"/>
      <c r="F43" s="43"/>
      <c r="G43" s="27">
        <v>1</v>
      </c>
      <c r="H43" s="93"/>
      <c r="I43" s="90"/>
    </row>
    <row r="44" spans="1:12" ht="15.95" customHeight="1" thickBot="1" x14ac:dyDescent="0.2">
      <c r="A44" s="79"/>
      <c r="B44" s="73"/>
      <c r="C44" s="20" t="s">
        <v>4</v>
      </c>
      <c r="D44" s="65"/>
      <c r="E44" s="11">
        <v>16</v>
      </c>
      <c r="F44" s="51"/>
      <c r="G44" s="28"/>
      <c r="H44" s="61"/>
      <c r="I44" s="8">
        <v>2</v>
      </c>
    </row>
    <row r="45" spans="1:12" ht="15.95" customHeight="1" x14ac:dyDescent="0.15">
      <c r="A45" s="77" t="s">
        <v>18</v>
      </c>
      <c r="B45" s="71" t="s">
        <v>2</v>
      </c>
      <c r="C45" s="16" t="s">
        <v>5</v>
      </c>
      <c r="D45" s="33">
        <v>1</v>
      </c>
      <c r="E45" s="7">
        <v>2</v>
      </c>
      <c r="F45" s="49"/>
      <c r="G45" s="7">
        <v>13</v>
      </c>
      <c r="H45" s="57"/>
      <c r="I45" s="7">
        <v>1</v>
      </c>
    </row>
    <row r="46" spans="1:12" ht="15.95" customHeight="1" x14ac:dyDescent="0.15">
      <c r="A46" s="78"/>
      <c r="B46" s="72"/>
      <c r="C46" s="17" t="s">
        <v>9</v>
      </c>
      <c r="D46" s="34">
        <v>3</v>
      </c>
      <c r="E46" s="9">
        <v>4</v>
      </c>
      <c r="F46" s="50"/>
      <c r="G46" s="9">
        <v>11</v>
      </c>
      <c r="H46" s="58"/>
      <c r="I46" s="9">
        <v>1</v>
      </c>
    </row>
    <row r="47" spans="1:12" ht="15.95" customHeight="1" x14ac:dyDescent="0.15">
      <c r="A47" s="78"/>
      <c r="B47" s="72"/>
      <c r="C47" s="21" t="s">
        <v>11</v>
      </c>
      <c r="D47" s="64">
        <v>5</v>
      </c>
      <c r="E47" s="10">
        <v>6</v>
      </c>
      <c r="F47" s="40"/>
      <c r="G47" s="10">
        <v>10</v>
      </c>
      <c r="H47" s="62"/>
      <c r="I47" s="10">
        <v>1</v>
      </c>
    </row>
    <row r="48" spans="1:12" ht="15.95" customHeight="1" x14ac:dyDescent="0.15">
      <c r="A48" s="78"/>
      <c r="B48" s="72"/>
      <c r="C48" s="21" t="s">
        <v>8</v>
      </c>
      <c r="D48" s="64">
        <v>7</v>
      </c>
      <c r="E48" s="10">
        <v>8</v>
      </c>
      <c r="F48" s="40"/>
      <c r="G48" s="10">
        <v>14</v>
      </c>
      <c r="H48" s="62"/>
      <c r="I48" s="10">
        <v>1</v>
      </c>
    </row>
    <row r="49" spans="1:9" ht="15.95" customHeight="1" thickBot="1" x14ac:dyDescent="0.2">
      <c r="A49" s="78"/>
      <c r="B49" s="31"/>
      <c r="C49" s="18" t="s">
        <v>19</v>
      </c>
      <c r="D49" s="35">
        <v>9</v>
      </c>
      <c r="E49" s="11">
        <v>10</v>
      </c>
      <c r="F49" s="41"/>
      <c r="G49" s="11">
        <v>10</v>
      </c>
      <c r="H49" s="59"/>
      <c r="I49" s="11">
        <v>1</v>
      </c>
    </row>
    <row r="50" spans="1:9" ht="15.95" customHeight="1" x14ac:dyDescent="0.15">
      <c r="A50" s="78"/>
      <c r="B50" s="71" t="s">
        <v>3</v>
      </c>
      <c r="C50" s="22" t="s">
        <v>10</v>
      </c>
      <c r="D50" s="36">
        <v>11</v>
      </c>
      <c r="E50" s="74">
        <v>15</v>
      </c>
      <c r="F50" s="42"/>
      <c r="G50" s="32">
        <v>1</v>
      </c>
      <c r="H50" s="81"/>
      <c r="I50" s="74">
        <v>2</v>
      </c>
    </row>
    <row r="51" spans="1:9" ht="15.95" customHeight="1" x14ac:dyDescent="0.15">
      <c r="A51" s="78"/>
      <c r="B51" s="72"/>
      <c r="C51" s="23" t="s">
        <v>16</v>
      </c>
      <c r="D51" s="64">
        <v>12</v>
      </c>
      <c r="E51" s="75"/>
      <c r="F51" s="44"/>
      <c r="G51" s="9">
        <v>1</v>
      </c>
      <c r="H51" s="82"/>
      <c r="I51" s="75"/>
    </row>
    <row r="52" spans="1:9" ht="15.95" customHeight="1" x14ac:dyDescent="0.15">
      <c r="A52" s="78"/>
      <c r="B52" s="72"/>
      <c r="C52" s="23" t="s">
        <v>17</v>
      </c>
      <c r="D52" s="64">
        <v>13</v>
      </c>
      <c r="E52" s="75"/>
      <c r="F52" s="44"/>
      <c r="G52" s="10">
        <v>1</v>
      </c>
      <c r="H52" s="82"/>
      <c r="I52" s="75"/>
    </row>
    <row r="53" spans="1:9" ht="15.95" customHeight="1" x14ac:dyDescent="0.15">
      <c r="A53" s="78"/>
      <c r="B53" s="72"/>
      <c r="C53" s="23" t="s">
        <v>20</v>
      </c>
      <c r="D53" s="64">
        <v>14</v>
      </c>
      <c r="E53" s="76"/>
      <c r="F53" s="44"/>
      <c r="G53" s="10">
        <v>1</v>
      </c>
      <c r="H53" s="83"/>
      <c r="I53" s="76"/>
    </row>
    <row r="54" spans="1:9" ht="15.95" customHeight="1" thickBot="1" x14ac:dyDescent="0.2">
      <c r="A54" s="79"/>
      <c r="B54" s="73"/>
      <c r="C54" s="18" t="s">
        <v>4</v>
      </c>
      <c r="D54" s="65"/>
      <c r="E54" s="11">
        <v>16</v>
      </c>
      <c r="F54" s="45"/>
      <c r="G54" s="29"/>
      <c r="H54" s="59"/>
      <c r="I54" s="11">
        <v>2</v>
      </c>
    </row>
    <row r="55" spans="1:9" ht="15.95" customHeight="1" x14ac:dyDescent="0.15">
      <c r="D55" s="3"/>
      <c r="E55" s="3"/>
      <c r="F55" s="3"/>
      <c r="G55" s="6"/>
      <c r="H55" s="6"/>
      <c r="I55" s="6"/>
    </row>
  </sheetData>
  <mergeCells count="34">
    <mergeCell ref="A25:A34"/>
    <mergeCell ref="H21:H23"/>
    <mergeCell ref="H10:H13"/>
    <mergeCell ref="A45:A54"/>
    <mergeCell ref="A1:I1"/>
    <mergeCell ref="A2:I2"/>
    <mergeCell ref="A5:B5"/>
    <mergeCell ref="A35:A44"/>
    <mergeCell ref="B35:B39"/>
    <mergeCell ref="B40:B44"/>
    <mergeCell ref="I40:I43"/>
    <mergeCell ref="B25:B29"/>
    <mergeCell ref="H30:H33"/>
    <mergeCell ref="H40:H43"/>
    <mergeCell ref="A15:A24"/>
    <mergeCell ref="B21:B24"/>
    <mergeCell ref="D5:E5"/>
    <mergeCell ref="B15:B19"/>
    <mergeCell ref="B45:B48"/>
    <mergeCell ref="B50:B54"/>
    <mergeCell ref="I50:I53"/>
    <mergeCell ref="A6:A14"/>
    <mergeCell ref="B6:B9"/>
    <mergeCell ref="B10:B14"/>
    <mergeCell ref="E50:E53"/>
    <mergeCell ref="E10:E13"/>
    <mergeCell ref="E20:E23"/>
    <mergeCell ref="I20:I23"/>
    <mergeCell ref="I30:I33"/>
    <mergeCell ref="E40:E43"/>
    <mergeCell ref="E30:E33"/>
    <mergeCell ref="I10:I13"/>
    <mergeCell ref="H50:H53"/>
    <mergeCell ref="B30:B34"/>
  </mergeCells>
  <phoneticPr fontId="1"/>
  <pageMargins left="0.70866141732283472" right="0.70866141732283472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実習助手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佐藤　哲子</cp:lastModifiedBy>
  <cp:lastPrinted>2025-12-19T01:20:47Z</cp:lastPrinted>
  <dcterms:created xsi:type="dcterms:W3CDTF">2008-07-07T07:05:42Z</dcterms:created>
  <dcterms:modified xsi:type="dcterms:W3CDTF">2025-12-19T01:20:52Z</dcterms:modified>
</cp:coreProperties>
</file>